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3-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3-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enbosch/"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Lettertype, tekst, logo, Graphics&#10;&#10;Automatisch gegenereerde beschrijving">
            <a:extLst>
              <a:ext uri="{FF2B5EF4-FFF2-40B4-BE49-F238E27FC236}">
                <a16:creationId xmlns:a16="http://schemas.microsoft.com/office/drawing/2014/main" id="{2CD6BBD2-606A-FE0F-5DA1-576BB2A5544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276" y="4831267"/>
            <a:ext cx="3490299" cy="183258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Lettertype, tekst, logo, Graphics&#10;&#10;Automatisch gegenereerde beschrijving">
            <a:extLst>
              <a:ext uri="{FF2B5EF4-FFF2-40B4-BE49-F238E27FC236}">
                <a16:creationId xmlns:a16="http://schemas.microsoft.com/office/drawing/2014/main" id="{2CD6BBD2-606A-FE0F-5DA1-576BB2A5544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2628" y="3847786"/>
            <a:ext cx="2784893"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23T07:49:43Z</dcterms:modified>
</cp:coreProperties>
</file>